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31"/>
  </p:notesMasterIdLst>
  <p:sldIdLst>
    <p:sldId id="257" r:id="rId16"/>
    <p:sldId id="256" r:id="rId17"/>
    <p:sldId id="380" r:id="rId18"/>
    <p:sldId id="356" r:id="rId19"/>
    <p:sldId id="357" r:id="rId20"/>
    <p:sldId id="298" r:id="rId21"/>
    <p:sldId id="364" r:id="rId22"/>
    <p:sldId id="358" r:id="rId23"/>
    <p:sldId id="359" r:id="rId24"/>
    <p:sldId id="363" r:id="rId25"/>
    <p:sldId id="379" r:id="rId26"/>
    <p:sldId id="355" r:id="rId27"/>
    <p:sldId id="382" r:id="rId28"/>
    <p:sldId id="378" r:id="rId29"/>
    <p:sldId id="377" r:id="rId30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4068332-1943-4C66-B1B0-E7C87C3BA496}" v="6" dt="2022-09-04T14:30:37.72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06" d="100"/>
          <a:sy n="106" d="100"/>
        </p:scale>
        <p:origin x="186" y="228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5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70793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2698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10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9.png"/><Relationship Id="rId7" Type="http://schemas.openxmlformats.org/officeDocument/2006/relationships/image" Target="../media/image32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8.jpeg"/><Relationship Id="rId7" Type="http://schemas.openxmlformats.org/officeDocument/2006/relationships/image" Target="../media/image12.jpeg"/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7.xml"/><Relationship Id="rId6" Type="http://schemas.microsoft.com/office/2007/relationships/hdphoto" Target="../media/hdphoto4.wdp"/><Relationship Id="rId5" Type="http://schemas.openxmlformats.org/officeDocument/2006/relationships/image" Target="../media/image40.png"/><Relationship Id="rId10" Type="http://schemas.openxmlformats.org/officeDocument/2006/relationships/image" Target="../media/image42.png"/><Relationship Id="rId4" Type="http://schemas.openxmlformats.org/officeDocument/2006/relationships/image" Target="../media/image39.png"/><Relationship Id="rId9" Type="http://schemas.microsoft.com/office/2007/relationships/hdphoto" Target="../media/hdphoto5.wdp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2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microsoft.com/office/2007/relationships/hdphoto" Target="../media/hdphoto1.wdp"/><Relationship Id="rId7" Type="http://schemas.microsoft.com/office/2007/relationships/hdphoto" Target="../media/hdphoto2.wd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png"/><Relationship Id="rId11" Type="http://schemas.openxmlformats.org/officeDocument/2006/relationships/hyperlink" Target="https://github.com/Jonasjcmh/ISR_2022_Arduino101" TargetMode="External"/><Relationship Id="rId5" Type="http://schemas.openxmlformats.org/officeDocument/2006/relationships/image" Target="../media/image5.jpe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Jonasjcmh/ISR_2022_Arduino101" TargetMode="External"/><Relationship Id="rId2" Type="http://schemas.openxmlformats.org/officeDocument/2006/relationships/hyperlink" Target="https://github.com/bendlabs/one_axis_ads" TargetMode="Externa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3600" dirty="0"/>
              <a:t>Autumn 2022</a:t>
            </a:r>
            <a:br>
              <a:rPr lang="en-US" sz="3600" dirty="0"/>
            </a:br>
            <a:br>
              <a:rPr lang="en-US" sz="3600" dirty="0"/>
            </a:br>
            <a:r>
              <a:rPr lang="en-US" sz="3200" dirty="0"/>
              <a:t>Instructors: Ahmad Rafsanjani, Jonas </a:t>
            </a:r>
            <a:r>
              <a:rPr lang="en-US" sz="3200" dirty="0" err="1"/>
              <a:t>Jørgensen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E53DDF9-E4BF-4D22-AC7A-5B8B716F3A35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3A9EC62-F358-4340-927F-132589FF63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1853" y="2298316"/>
            <a:ext cx="5772150" cy="100012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6F2091A-444B-4EF0-B945-7CB8F3E618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1853" y="3559560"/>
            <a:ext cx="8239125" cy="4000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D37F645-9D70-4FAE-8A2C-DDA3215EF2A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901853" y="4471101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96961A35-B528-D6A0-B80D-11E13600B8AC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3789395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4:</a:t>
            </a:r>
            <a:br>
              <a:rPr lang="en-GB" sz="5800" dirty="0"/>
            </a:br>
            <a:r>
              <a:rPr lang="en-GB" sz="5800" dirty="0"/>
              <a:t>Bendlabs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03646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F4EA99FD-0EA9-4349-B77D-2528E5425BA3}"/>
              </a:ext>
            </a:extLst>
          </p:cNvPr>
          <p:cNvSpPr/>
          <p:nvPr/>
        </p:nvSpPr>
        <p:spPr>
          <a:xfrm>
            <a:off x="7660987" y="2282916"/>
            <a:ext cx="3937820" cy="342162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1026" name="Picture 2" descr="Home - Bend Labs">
            <a:extLst>
              <a:ext uri="{FF2B5EF4-FFF2-40B4-BE49-F238E27FC236}">
                <a16:creationId xmlns:a16="http://schemas.microsoft.com/office/drawing/2014/main" id="{05AF6646-DC3E-4297-92D8-9228B8C9BB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0588" y="426324"/>
            <a:ext cx="3010824" cy="2007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2EE79DAE-6D13-49BD-970D-F7CDB2B5D0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41" y="1380172"/>
            <a:ext cx="7623696" cy="43470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FF32C13-6B23-467D-AA81-619115B403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07" b="48794"/>
          <a:stretch/>
        </p:blipFill>
        <p:spPr>
          <a:xfrm>
            <a:off x="7660987" y="1361487"/>
            <a:ext cx="2392602" cy="916498"/>
          </a:xfrm>
          <a:prstGeom prst="rect">
            <a:avLst/>
          </a:prstGeom>
        </p:spPr>
      </p:pic>
      <p:pic>
        <p:nvPicPr>
          <p:cNvPr id="30" name="Picture 29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29F9FA64-EBA4-49D1-A63E-ED2A97CE87E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>
                        <a14:foregroundMark x1="50344" y1="35610" x2="59667" y2="30562"/>
                        <a14:foregroundMark x1="48583" y1="36563" x2="49333" y2="36157"/>
                        <a14:backgroundMark x1="42750" y1="32063" x2="52083" y2="30688"/>
                        <a14:backgroundMark x1="52083" y1="30688" x2="60083" y2="26875"/>
                        <a14:backgroundMark x1="60083" y1="26875" x2="54333" y2="19438"/>
                        <a14:backgroundMark x1="54333" y1="19438" x2="25167" y2="10688"/>
                        <a14:backgroundMark x1="25167" y1="10688" x2="34167" y2="5813"/>
                        <a14:backgroundMark x1="34167" y1="5813" x2="44250" y2="12375"/>
                        <a14:backgroundMark x1="44250" y1="12375" x2="40583" y2="20938"/>
                        <a14:backgroundMark x1="40583" y1="20938" x2="33333" y2="15438"/>
                        <a14:backgroundMark x1="33333" y1="15438" x2="35083" y2="8563"/>
                        <a14:backgroundMark x1="35083" y1="8563" x2="57917" y2="22500"/>
                        <a14:backgroundMark x1="57917" y1="22500" x2="57311" y2="31188"/>
                        <a14:backgroundMark x1="55550" y1="32141" x2="46417" y2="32563"/>
                        <a14:backgroundMark x1="46417" y1="32563" x2="42833" y2="25125"/>
                        <a14:backgroundMark x1="42833" y1="25125" x2="45917" y2="22250"/>
                        <a14:backgroundMark x1="46583" y1="34063" x2="50583" y2="34000"/>
                        <a14:backgroundMark x1="50833" y1="33938" x2="48333" y2="35500"/>
                      </a14:backgroundRemoval>
                    </a14:imgEffect>
                    <a14:imgEffect>
                      <a14:artisticPlasticWrap trans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49894"/>
          <a:stretch/>
        </p:blipFill>
        <p:spPr>
          <a:xfrm rot="15306521">
            <a:off x="8045169" y="1626666"/>
            <a:ext cx="5143500" cy="3436260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0"/>
              </a:srgbClr>
            </a:outerShdw>
          </a:effectLst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94F42135-16C2-44CF-BE91-85C07E17C399}"/>
              </a:ext>
            </a:extLst>
          </p:cNvPr>
          <p:cNvGrpSpPr/>
          <p:nvPr/>
        </p:nvGrpSpPr>
        <p:grpSpPr>
          <a:xfrm>
            <a:off x="6998951" y="1714500"/>
            <a:ext cx="4785037" cy="5143500"/>
            <a:chOff x="6976202" y="1655615"/>
            <a:chExt cx="4785037" cy="5143500"/>
          </a:xfrm>
        </p:grpSpPr>
        <p:pic>
          <p:nvPicPr>
            <p:cNvPr id="13" name="Picture 12" descr="A pair of scissors&#10;&#10;Description automatically generated with low confidence">
              <a:extLst>
                <a:ext uri="{FF2B5EF4-FFF2-40B4-BE49-F238E27FC236}">
                  <a16:creationId xmlns:a16="http://schemas.microsoft.com/office/drawing/2014/main" id="{F7991550-24F5-470F-8337-D6AC413C65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0000" b="90000" l="10000" r="90000">
                          <a14:foregroundMark x1="50344" y1="35610" x2="59667" y2="30562"/>
                          <a14:foregroundMark x1="48583" y1="36563" x2="49333" y2="36157"/>
                          <a14:backgroundMark x1="42750" y1="32063" x2="52083" y2="30688"/>
                          <a14:backgroundMark x1="52083" y1="30688" x2="60083" y2="26875"/>
                          <a14:backgroundMark x1="60083" y1="26875" x2="54333" y2="19438"/>
                          <a14:backgroundMark x1="54333" y1="19438" x2="25167" y2="10688"/>
                          <a14:backgroundMark x1="25167" y1="10688" x2="34167" y2="5813"/>
                          <a14:backgroundMark x1="34167" y1="5813" x2="44250" y2="12375"/>
                          <a14:backgroundMark x1="44250" y1="12375" x2="40583" y2="20938"/>
                          <a14:backgroundMark x1="40583" y1="20938" x2="33333" y2="15438"/>
                          <a14:backgroundMark x1="33333" y1="15438" x2="35083" y2="8563"/>
                          <a14:backgroundMark x1="35083" y1="8563" x2="57917" y2="22500"/>
                          <a14:backgroundMark x1="57917" y1="22500" x2="57311" y2="31188"/>
                          <a14:backgroundMark x1="55550" y1="32141" x2="46417" y2="32563"/>
                          <a14:backgroundMark x1="46417" y1="32563" x2="42833" y2="25125"/>
                          <a14:backgroundMark x1="42833" y1="25125" x2="45917" y2="22250"/>
                          <a14:backgroundMark x1="46583" y1="34063" x2="50583" y2="34000"/>
                          <a14:backgroundMark x1="50833" y1="33938" x2="48333" y2="35500"/>
                        </a14:backgroundRemoval>
                      </a14:imgEffect>
                      <a14:imgEffect>
                        <a14:artisticPlasticWrap trans="100000" smoothness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0595"/>
            <a:stretch/>
          </p:blipFill>
          <p:spPr>
            <a:xfrm rot="18227900">
              <a:off x="6784363" y="1847454"/>
              <a:ext cx="5143500" cy="4759822"/>
            </a:xfrm>
            <a:prstGeom prst="rect">
              <a:avLst/>
            </a:prstGeom>
          </p:spPr>
        </p:pic>
        <p:sp>
          <p:nvSpPr>
            <p:cNvPr id="28" name="Partial Circle 27">
              <a:extLst>
                <a:ext uri="{FF2B5EF4-FFF2-40B4-BE49-F238E27FC236}">
                  <a16:creationId xmlns:a16="http://schemas.microsoft.com/office/drawing/2014/main" id="{1EEE3E86-BC61-446F-B858-B7E899E09AB5}"/>
                </a:ext>
              </a:extLst>
            </p:cNvPr>
            <p:cNvSpPr/>
            <p:nvPr/>
          </p:nvSpPr>
          <p:spPr>
            <a:xfrm rot="6052691">
              <a:off x="10659413" y="2495338"/>
              <a:ext cx="1147151" cy="1056501"/>
            </a:xfrm>
            <a:prstGeom prst="pie">
              <a:avLst>
                <a:gd name="adj1" fmla="val 1831632"/>
                <a:gd name="adj2" fmla="val 5149437"/>
              </a:avLst>
            </a:prstGeom>
            <a:solidFill>
              <a:srgbClr val="7030A0"/>
            </a:solidFill>
            <a:ln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>
                <a:solidFill>
                  <a:schemeClr val="tx1"/>
                </a:solidFill>
              </a:endParaRP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1F34F8-6795-4C70-90FD-E4177EC963A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660988" y="2808133"/>
              <a:ext cx="3598779" cy="221226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D7827C11-B285-4526-832D-CE5CB50852A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1754" y="3029359"/>
              <a:ext cx="2146517" cy="2302291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4267ED54-73CF-4CA2-AF4E-82F4C4EF3C6B}"/>
                </a:ext>
              </a:extLst>
            </p:cNvPr>
            <p:cNvSpPr txBox="1"/>
            <p:nvPr/>
          </p:nvSpPr>
          <p:spPr>
            <a:xfrm>
              <a:off x="10687153" y="2964534"/>
              <a:ext cx="7495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1800" dirty="0">
                  <a:solidFill>
                    <a:schemeClr val="bg1"/>
                  </a:solidFill>
                </a:rPr>
                <a:t>∆ꝋ</a:t>
              </a:r>
              <a:endParaRPr lang="da-DK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54C07E65-2E1E-4BD1-9298-A7CB1F20D450}"/>
              </a:ext>
            </a:extLst>
          </p:cNvPr>
          <p:cNvCxnSpPr>
            <a:cxnSpLocks/>
          </p:cNvCxnSpPr>
          <p:nvPr/>
        </p:nvCxnSpPr>
        <p:spPr>
          <a:xfrm flipH="1">
            <a:off x="10628733" y="3088244"/>
            <a:ext cx="632287" cy="1380517"/>
          </a:xfrm>
          <a:prstGeom prst="straightConnector1">
            <a:avLst/>
          </a:prstGeom>
          <a:ln w="38100">
            <a:solidFill>
              <a:srgbClr val="00B050"/>
            </a:solidFill>
            <a:prstDash val="lgDash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8" name="Partial Circle 1027">
            <a:extLst>
              <a:ext uri="{FF2B5EF4-FFF2-40B4-BE49-F238E27FC236}">
                <a16:creationId xmlns:a16="http://schemas.microsoft.com/office/drawing/2014/main" id="{FF6A851A-ECB6-4436-B5E3-4E0CA514E6DC}"/>
              </a:ext>
            </a:extLst>
          </p:cNvPr>
          <p:cNvSpPr/>
          <p:nvPr/>
        </p:nvSpPr>
        <p:spPr>
          <a:xfrm rot="15399871">
            <a:off x="10744998" y="2589124"/>
            <a:ext cx="997071" cy="1055240"/>
          </a:xfrm>
          <a:prstGeom prst="pie">
            <a:avLst>
              <a:gd name="adj1" fmla="val 12810813"/>
              <a:gd name="adj2" fmla="val 14083276"/>
            </a:avLst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029" name="Oval 1028">
            <a:extLst>
              <a:ext uri="{FF2B5EF4-FFF2-40B4-BE49-F238E27FC236}">
                <a16:creationId xmlns:a16="http://schemas.microsoft.com/office/drawing/2014/main" id="{4FA26B37-B2FF-41FF-8360-01BB800152F7}"/>
              </a:ext>
            </a:extLst>
          </p:cNvPr>
          <p:cNvSpPr/>
          <p:nvPr/>
        </p:nvSpPr>
        <p:spPr>
          <a:xfrm>
            <a:off x="11182513" y="3051374"/>
            <a:ext cx="135707" cy="109545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031" name="Arc 1030">
            <a:extLst>
              <a:ext uri="{FF2B5EF4-FFF2-40B4-BE49-F238E27FC236}">
                <a16:creationId xmlns:a16="http://schemas.microsoft.com/office/drawing/2014/main" id="{BA3250D0-2BED-49A0-AA7C-9B586F4CEEAF}"/>
              </a:ext>
            </a:extLst>
          </p:cNvPr>
          <p:cNvSpPr/>
          <p:nvPr/>
        </p:nvSpPr>
        <p:spPr>
          <a:xfrm rot="4810253">
            <a:off x="6987322" y="1575915"/>
            <a:ext cx="4374097" cy="3410488"/>
          </a:xfrm>
          <a:custGeom>
            <a:avLst/>
            <a:gdLst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  <a:gd name="connsiteX2" fmla="*/ 3775301 w 4374097"/>
              <a:gd name="connsiteY2" fmla="*/ 2024822 h 3410488"/>
              <a:gd name="connsiteX3" fmla="*/ 3203530 w 4374097"/>
              <a:gd name="connsiteY3" fmla="*/ 1909774 h 3410488"/>
              <a:gd name="connsiteX4" fmla="*/ 2737643 w 4374097"/>
              <a:gd name="connsiteY4" fmla="*/ 1816031 h 3410488"/>
              <a:gd name="connsiteX5" fmla="*/ 2187049 w 4374097"/>
              <a:gd name="connsiteY5" fmla="*/ 1705244 h 3410488"/>
              <a:gd name="connsiteX6" fmla="*/ 2555714 w 4374097"/>
              <a:gd name="connsiteY6" fmla="*/ 1367688 h 3410488"/>
              <a:gd name="connsiteX7" fmla="*/ 2938559 w 4374097"/>
              <a:gd name="connsiteY7" fmla="*/ 1017148 h 3410488"/>
              <a:gd name="connsiteX8" fmla="*/ 3604993 w 4374097"/>
              <a:gd name="connsiteY8" fmla="*/ 406950 h 3410488"/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4374097" h="3410488" stroke="0" extrusionOk="0">
                <a:moveTo>
                  <a:pt x="3604993" y="406950"/>
                </a:moveTo>
                <a:cubicBezTo>
                  <a:pt x="4368084" y="924369"/>
                  <a:pt x="4453941" y="1505975"/>
                  <a:pt x="4304718" y="2131348"/>
                </a:cubicBezTo>
                <a:cubicBezTo>
                  <a:pt x="4148303" y="2127577"/>
                  <a:pt x="3892612" y="2029091"/>
                  <a:pt x="3775301" y="2024822"/>
                </a:cubicBezTo>
                <a:cubicBezTo>
                  <a:pt x="3657990" y="2020553"/>
                  <a:pt x="3363519" y="1930936"/>
                  <a:pt x="3203530" y="1909774"/>
                </a:cubicBezTo>
                <a:cubicBezTo>
                  <a:pt x="3043541" y="1888612"/>
                  <a:pt x="2961879" y="1833480"/>
                  <a:pt x="2737643" y="1816031"/>
                </a:cubicBezTo>
                <a:cubicBezTo>
                  <a:pt x="2513407" y="1798582"/>
                  <a:pt x="2318249" y="1723845"/>
                  <a:pt x="2187049" y="1705244"/>
                </a:cubicBezTo>
                <a:cubicBezTo>
                  <a:pt x="2338682" y="1560860"/>
                  <a:pt x="2469547" y="1482833"/>
                  <a:pt x="2555714" y="1367688"/>
                </a:cubicBezTo>
                <a:cubicBezTo>
                  <a:pt x="2641881" y="1252543"/>
                  <a:pt x="2814550" y="1137884"/>
                  <a:pt x="2938559" y="1017148"/>
                </a:cubicBezTo>
                <a:cubicBezTo>
                  <a:pt x="3062568" y="896412"/>
                  <a:pt x="3490647" y="599794"/>
                  <a:pt x="3604993" y="406950"/>
                </a:cubicBezTo>
                <a:close/>
              </a:path>
              <a:path w="4374097" h="3410488" fill="none" extrusionOk="0">
                <a:moveTo>
                  <a:pt x="3604993" y="406950"/>
                </a:moveTo>
                <a:cubicBezTo>
                  <a:pt x="4267246" y="939923"/>
                  <a:pt x="4652940" y="1628643"/>
                  <a:pt x="4304718" y="2131348"/>
                </a:cubicBezTo>
              </a:path>
            </a:pathLst>
          </a:custGeom>
          <a:noFill/>
          <a:ln w="57150">
            <a:solidFill>
              <a:srgbClr val="0070C0">
                <a:alpha val="67000"/>
              </a:srgbClr>
            </a:solidFill>
            <a:extLst>
              <a:ext uri="{C807C97D-BFC1-408E-A445-0C87EB9F89A2}">
                <ask:lineSketchStyleProps xmlns:ask="http://schemas.microsoft.com/office/drawing/2018/sketchyshapes" sd="3135246577">
                  <a:prstGeom prst="arc">
                    <a:avLst>
                      <a:gd name="adj1" fmla="val 19051335"/>
                      <a:gd name="adj2" fmla="val 682607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9172A86-B4E6-486E-BD55-3EE884B1E76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2006" r="28976"/>
          <a:stretch/>
        </p:blipFill>
        <p:spPr>
          <a:xfrm>
            <a:off x="9834067" y="1373864"/>
            <a:ext cx="1764740" cy="680025"/>
          </a:xfrm>
          <a:prstGeom prst="rect">
            <a:avLst/>
          </a:prstGeom>
        </p:spPr>
      </p:pic>
      <p:pic>
        <p:nvPicPr>
          <p:cNvPr id="1033" name="Picture 1032">
            <a:extLst>
              <a:ext uri="{FF2B5EF4-FFF2-40B4-BE49-F238E27FC236}">
                <a16:creationId xmlns:a16="http://schemas.microsoft.com/office/drawing/2014/main" id="{646C83CF-F7B0-448A-BB5B-5C98BECF8C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56157" y="331975"/>
            <a:ext cx="2856274" cy="863357"/>
          </a:xfrm>
          <a:prstGeom prst="rect">
            <a:avLst/>
          </a:prstGeom>
        </p:spPr>
      </p:pic>
      <p:pic>
        <p:nvPicPr>
          <p:cNvPr id="1035" name="Picture 1034">
            <a:extLst>
              <a:ext uri="{FF2B5EF4-FFF2-40B4-BE49-F238E27FC236}">
                <a16:creationId xmlns:a16="http://schemas.microsoft.com/office/drawing/2014/main" id="{C8C1A731-C77E-4599-91D5-04136943B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949998" y="1001856"/>
            <a:ext cx="1699797" cy="483928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786828" y="5866714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Bendlabs sensor – Logic Level Converter – Arduino connection diagram</a:t>
            </a:r>
            <a:endParaRPr lang="da-DK" sz="900" b="1" dirty="0"/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9EF1AF99-5511-4535-A1D9-D2B730FF9E17}"/>
              </a:ext>
            </a:extLst>
          </p:cNvPr>
          <p:cNvSpPr txBox="1"/>
          <p:nvPr/>
        </p:nvSpPr>
        <p:spPr>
          <a:xfrm>
            <a:off x="5281579" y="5369627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4-channel Logic Level Converter</a:t>
            </a:r>
            <a:endParaRPr lang="da-DK" sz="900" b="1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0210747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104862" y="528991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42498" y="1026406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8C6F829-4707-52DD-CBB2-6EE95BB41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2498" y="1641873"/>
            <a:ext cx="9561590" cy="139187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0719058-39B4-1FEF-D061-16635E8625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2498" y="3196803"/>
            <a:ext cx="4574496" cy="298742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6BFD9F3-4BA4-3AFF-6F88-62BEB17698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71175" y="4115682"/>
            <a:ext cx="4324449" cy="1261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104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5:</a:t>
            </a:r>
            <a:br>
              <a:rPr lang="en-GB" sz="5800" dirty="0"/>
            </a:br>
            <a:r>
              <a:rPr lang="en-GB" sz="5800" dirty="0"/>
              <a:t>System integration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160615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B9AF7F-2FC5-4EAB-BE51-DD3FC2E8295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881549-CC20-46A6-A3FE-55049530AA6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19" name="Picture 18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B88ACC8-ABA7-442C-9C06-7E6A1CA94B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868" y="1640975"/>
            <a:ext cx="4144910" cy="2440565"/>
          </a:xfrm>
          <a:prstGeom prst="rect">
            <a:avLst/>
          </a:prstGeom>
        </p:spPr>
      </p:pic>
      <p:pic>
        <p:nvPicPr>
          <p:cNvPr id="20" name="Picture 19" descr="A close-up of a computer chip&#10;&#10;Description automatically generated with medium confidence">
            <a:extLst>
              <a:ext uri="{FF2B5EF4-FFF2-40B4-BE49-F238E27FC236}">
                <a16:creationId xmlns:a16="http://schemas.microsoft.com/office/drawing/2014/main" id="{8BE109CC-6547-436C-A707-135A7DBA852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7982" y="4193936"/>
            <a:ext cx="2116096" cy="1423494"/>
          </a:xfrm>
          <a:prstGeom prst="rect">
            <a:avLst/>
          </a:prstGeom>
        </p:spPr>
      </p:pic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3081B1A4-3187-4969-BC58-FB2CB326116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455254" y="3970124"/>
            <a:ext cx="1705700" cy="931601"/>
          </a:xfrm>
          <a:prstGeom prst="bentConnector3">
            <a:avLst>
              <a:gd name="adj1" fmla="val 100000"/>
            </a:avLst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or: Elbow 21">
            <a:extLst>
              <a:ext uri="{FF2B5EF4-FFF2-40B4-BE49-F238E27FC236}">
                <a16:creationId xmlns:a16="http://schemas.microsoft.com/office/drawing/2014/main" id="{0E98C162-9ED2-493D-9C31-9AF0270FAF1A}"/>
              </a:ext>
            </a:extLst>
          </p:cNvPr>
          <p:cNvCxnSpPr>
            <a:cxnSpLocks/>
          </p:cNvCxnSpPr>
          <p:nvPr/>
        </p:nvCxnSpPr>
        <p:spPr>
          <a:xfrm rot="16200000" flipH="1">
            <a:off x="3022067" y="3604634"/>
            <a:ext cx="773399" cy="730276"/>
          </a:xfrm>
          <a:prstGeom prst="bentConnector3">
            <a:avLst>
              <a:gd name="adj1" fmla="val 100821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or: Elbow 22">
            <a:extLst>
              <a:ext uri="{FF2B5EF4-FFF2-40B4-BE49-F238E27FC236}">
                <a16:creationId xmlns:a16="http://schemas.microsoft.com/office/drawing/2014/main" id="{5DB754FE-FAB5-42FB-BD40-820287CDD577}"/>
              </a:ext>
            </a:extLst>
          </p:cNvPr>
          <p:cNvCxnSpPr>
            <a:cxnSpLocks/>
          </p:cNvCxnSpPr>
          <p:nvPr/>
        </p:nvCxnSpPr>
        <p:spPr>
          <a:xfrm rot="16200000" flipH="1">
            <a:off x="2639763" y="4118460"/>
            <a:ext cx="1630776" cy="637508"/>
          </a:xfrm>
          <a:prstGeom prst="bentConnector3">
            <a:avLst>
              <a:gd name="adj1" fmla="val 99052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FA93B9A1-A7C9-4AAB-93BA-E5488AC4D51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931771" y="3586376"/>
            <a:ext cx="845434" cy="838833"/>
          </a:xfrm>
          <a:prstGeom prst="bentConnector3">
            <a:avLst>
              <a:gd name="adj1" fmla="val 98246"/>
            </a:avLst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0D445E1-5B0F-4140-ACFF-8C0E7ACDDEBD}"/>
              </a:ext>
            </a:extLst>
          </p:cNvPr>
          <p:cNvCxnSpPr>
            <a:cxnSpLocks/>
          </p:cNvCxnSpPr>
          <p:nvPr/>
        </p:nvCxnSpPr>
        <p:spPr>
          <a:xfrm>
            <a:off x="5068378" y="4955309"/>
            <a:ext cx="0" cy="29729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50F92273-4859-4ACC-8DB8-21F4C2A4C04A}"/>
              </a:ext>
            </a:extLst>
          </p:cNvPr>
          <p:cNvCxnSpPr>
            <a:cxnSpLocks/>
          </p:cNvCxnSpPr>
          <p:nvPr/>
        </p:nvCxnSpPr>
        <p:spPr>
          <a:xfrm>
            <a:off x="5019769" y="4954595"/>
            <a:ext cx="0" cy="352739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26727DAB-7C37-4351-8CFE-A9DA332DAD0F}"/>
              </a:ext>
            </a:extLst>
          </p:cNvPr>
          <p:cNvCxnSpPr>
            <a:cxnSpLocks/>
          </p:cNvCxnSpPr>
          <p:nvPr/>
        </p:nvCxnSpPr>
        <p:spPr>
          <a:xfrm>
            <a:off x="5017782" y="4420090"/>
            <a:ext cx="0" cy="35273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F7D68C4-A9EE-4487-906F-BD75840274C8}"/>
              </a:ext>
            </a:extLst>
          </p:cNvPr>
          <p:cNvCxnSpPr>
            <a:cxnSpLocks/>
          </p:cNvCxnSpPr>
          <p:nvPr/>
        </p:nvCxnSpPr>
        <p:spPr>
          <a:xfrm flipH="1">
            <a:off x="5065410" y="4381799"/>
            <a:ext cx="2967" cy="390844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Picture 28" descr="Graphical user interface&#10;&#10;Description automatically generated">
            <a:extLst>
              <a:ext uri="{FF2B5EF4-FFF2-40B4-BE49-F238E27FC236}">
                <a16:creationId xmlns:a16="http://schemas.microsoft.com/office/drawing/2014/main" id="{1E3F682B-7966-4010-92A5-7FB2449A8F4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3756" y="2497657"/>
            <a:ext cx="2595801" cy="719739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0FFBFBB4-9D99-4A8B-A4A8-7AB7C1B04471}"/>
              </a:ext>
            </a:extLst>
          </p:cNvPr>
          <p:cNvCxnSpPr>
            <a:cxnSpLocks/>
          </p:cNvCxnSpPr>
          <p:nvPr/>
        </p:nvCxnSpPr>
        <p:spPr>
          <a:xfrm flipV="1">
            <a:off x="5651817" y="2698987"/>
            <a:ext cx="1" cy="2608347"/>
          </a:xfrm>
          <a:prstGeom prst="line">
            <a:avLst/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C5F17E5-A3B0-4A68-9745-BEDC618FC60F}"/>
              </a:ext>
            </a:extLst>
          </p:cNvPr>
          <p:cNvCxnSpPr>
            <a:cxnSpLocks/>
          </p:cNvCxnSpPr>
          <p:nvPr/>
        </p:nvCxnSpPr>
        <p:spPr>
          <a:xfrm flipH="1">
            <a:off x="5634055" y="2698987"/>
            <a:ext cx="758540" cy="5614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55C7587-4A8E-43FB-A434-AE64CF8D092C}"/>
              </a:ext>
            </a:extLst>
          </p:cNvPr>
          <p:cNvCxnSpPr>
            <a:cxnSpLocks/>
          </p:cNvCxnSpPr>
          <p:nvPr/>
        </p:nvCxnSpPr>
        <p:spPr>
          <a:xfrm flipH="1">
            <a:off x="5244101" y="5295634"/>
            <a:ext cx="416617" cy="0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EA9CF3B-208D-43F3-97D6-4FBC31127FDE}"/>
              </a:ext>
            </a:extLst>
          </p:cNvPr>
          <p:cNvCxnSpPr>
            <a:cxnSpLocks/>
          </p:cNvCxnSpPr>
          <p:nvPr/>
        </p:nvCxnSpPr>
        <p:spPr>
          <a:xfrm flipH="1">
            <a:off x="5548011" y="2640045"/>
            <a:ext cx="84458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C54C1F0-169F-4148-BA84-D9E4D5FCEFB7}"/>
              </a:ext>
            </a:extLst>
          </p:cNvPr>
          <p:cNvCxnSpPr>
            <a:cxnSpLocks/>
          </p:cNvCxnSpPr>
          <p:nvPr/>
        </p:nvCxnSpPr>
        <p:spPr>
          <a:xfrm flipV="1">
            <a:off x="5564382" y="2640045"/>
            <a:ext cx="0" cy="2620663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696EA863-D6BF-41CF-A1FD-949FE47F53CB}"/>
              </a:ext>
            </a:extLst>
          </p:cNvPr>
          <p:cNvCxnSpPr>
            <a:cxnSpLocks/>
          </p:cNvCxnSpPr>
          <p:nvPr/>
        </p:nvCxnSpPr>
        <p:spPr>
          <a:xfrm flipH="1">
            <a:off x="5865486" y="2816872"/>
            <a:ext cx="524143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413D2D0E-4A02-46BB-BF5F-E1717FB36FE3}"/>
              </a:ext>
            </a:extLst>
          </p:cNvPr>
          <p:cNvCxnSpPr>
            <a:cxnSpLocks/>
          </p:cNvCxnSpPr>
          <p:nvPr/>
        </p:nvCxnSpPr>
        <p:spPr>
          <a:xfrm flipH="1">
            <a:off x="5981201" y="2873007"/>
            <a:ext cx="402493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5A6B3270-9752-4ABD-BF14-684CC36B0EFD}"/>
              </a:ext>
            </a:extLst>
          </p:cNvPr>
          <p:cNvCxnSpPr>
            <a:cxnSpLocks/>
          </p:cNvCxnSpPr>
          <p:nvPr/>
        </p:nvCxnSpPr>
        <p:spPr>
          <a:xfrm flipV="1">
            <a:off x="5874366" y="2805646"/>
            <a:ext cx="7473" cy="267247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9CDF0768-70D7-455C-9CFE-746B9D0451EA}"/>
              </a:ext>
            </a:extLst>
          </p:cNvPr>
          <p:cNvCxnSpPr>
            <a:cxnSpLocks/>
          </p:cNvCxnSpPr>
          <p:nvPr/>
        </p:nvCxnSpPr>
        <p:spPr>
          <a:xfrm flipH="1">
            <a:off x="5114778" y="5464041"/>
            <a:ext cx="77440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3C1E1A5F-FBAE-41F8-9D11-30712FF4C585}"/>
              </a:ext>
            </a:extLst>
          </p:cNvPr>
          <p:cNvCxnSpPr>
            <a:cxnSpLocks/>
          </p:cNvCxnSpPr>
          <p:nvPr/>
        </p:nvCxnSpPr>
        <p:spPr>
          <a:xfrm>
            <a:off x="5114778" y="4951788"/>
            <a:ext cx="0" cy="523522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9C623297-ACA2-44BD-B2C7-AE5C639AAAB0}"/>
              </a:ext>
            </a:extLst>
          </p:cNvPr>
          <p:cNvCxnSpPr>
            <a:cxnSpLocks/>
          </p:cNvCxnSpPr>
          <p:nvPr/>
        </p:nvCxnSpPr>
        <p:spPr>
          <a:xfrm flipV="1">
            <a:off x="5988543" y="2867373"/>
            <a:ext cx="13103" cy="2720002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25D080A5-A7BB-427D-9014-439ABD4986E3}"/>
              </a:ext>
            </a:extLst>
          </p:cNvPr>
          <p:cNvCxnSpPr>
            <a:cxnSpLocks/>
          </p:cNvCxnSpPr>
          <p:nvPr/>
        </p:nvCxnSpPr>
        <p:spPr>
          <a:xfrm flipH="1">
            <a:off x="5163375" y="5576105"/>
            <a:ext cx="838271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6D66AE20-3194-4320-B365-88FD02616347}"/>
              </a:ext>
            </a:extLst>
          </p:cNvPr>
          <p:cNvCxnSpPr>
            <a:cxnSpLocks/>
          </p:cNvCxnSpPr>
          <p:nvPr/>
        </p:nvCxnSpPr>
        <p:spPr>
          <a:xfrm>
            <a:off x="5163375" y="4951788"/>
            <a:ext cx="0" cy="635586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A49FDE6-F4CB-4664-AACA-802031ECC18F}"/>
              </a:ext>
            </a:extLst>
          </p:cNvPr>
          <p:cNvCxnSpPr>
            <a:cxnSpLocks/>
          </p:cNvCxnSpPr>
          <p:nvPr/>
        </p:nvCxnSpPr>
        <p:spPr>
          <a:xfrm flipH="1">
            <a:off x="5244103" y="5252602"/>
            <a:ext cx="32621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56158316-28A4-45F8-BC52-C6E88916DDA8}"/>
              </a:ext>
            </a:extLst>
          </p:cNvPr>
          <p:cNvCxnSpPr>
            <a:cxnSpLocks/>
          </p:cNvCxnSpPr>
          <p:nvPr/>
        </p:nvCxnSpPr>
        <p:spPr>
          <a:xfrm flipH="1" flipV="1">
            <a:off x="5114778" y="1471863"/>
            <a:ext cx="6103" cy="325012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BBDDA1A0-1479-4E89-B3ED-7DE6C3314C66}"/>
              </a:ext>
            </a:extLst>
          </p:cNvPr>
          <p:cNvCxnSpPr>
            <a:cxnSpLocks/>
          </p:cNvCxnSpPr>
          <p:nvPr/>
        </p:nvCxnSpPr>
        <p:spPr>
          <a:xfrm flipV="1">
            <a:off x="5171347" y="1342751"/>
            <a:ext cx="0" cy="3375480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AB57AB9-6C97-47A5-9D8B-0D40FDE37EA7}"/>
              </a:ext>
            </a:extLst>
          </p:cNvPr>
          <p:cNvCxnSpPr>
            <a:cxnSpLocks/>
          </p:cNvCxnSpPr>
          <p:nvPr/>
        </p:nvCxnSpPr>
        <p:spPr>
          <a:xfrm flipH="1">
            <a:off x="2156666" y="1342751"/>
            <a:ext cx="3032484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29E3EFA-67F0-4194-8981-BF910AF10C3C}"/>
              </a:ext>
            </a:extLst>
          </p:cNvPr>
          <p:cNvCxnSpPr>
            <a:cxnSpLocks/>
          </p:cNvCxnSpPr>
          <p:nvPr/>
        </p:nvCxnSpPr>
        <p:spPr>
          <a:xfrm flipH="1">
            <a:off x="2279397" y="1471863"/>
            <a:ext cx="284148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D0E7FD4-4C4B-4A75-B5EE-6BD8D0CE1248}"/>
              </a:ext>
            </a:extLst>
          </p:cNvPr>
          <p:cNvCxnSpPr>
            <a:cxnSpLocks/>
          </p:cNvCxnSpPr>
          <p:nvPr/>
        </p:nvCxnSpPr>
        <p:spPr>
          <a:xfrm>
            <a:off x="2285331" y="1471863"/>
            <a:ext cx="1886" cy="336814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6B4036E1-720F-4791-B685-C53A13DFFC52}"/>
              </a:ext>
            </a:extLst>
          </p:cNvPr>
          <p:cNvCxnSpPr>
            <a:cxnSpLocks/>
          </p:cNvCxnSpPr>
          <p:nvPr/>
        </p:nvCxnSpPr>
        <p:spPr>
          <a:xfrm>
            <a:off x="2174655" y="1342751"/>
            <a:ext cx="0" cy="465925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Isosceles Triangle 49">
            <a:extLst>
              <a:ext uri="{FF2B5EF4-FFF2-40B4-BE49-F238E27FC236}">
                <a16:creationId xmlns:a16="http://schemas.microsoft.com/office/drawing/2014/main" id="{A10D9433-9A21-493D-A10C-5CF258584C51}"/>
              </a:ext>
            </a:extLst>
          </p:cNvPr>
          <p:cNvSpPr/>
          <p:nvPr/>
        </p:nvSpPr>
        <p:spPr>
          <a:xfrm rot="9223008">
            <a:off x="5410045" y="4365266"/>
            <a:ext cx="1833180" cy="1270085"/>
          </a:xfrm>
          <a:prstGeom prst="triangle">
            <a:avLst>
              <a:gd name="adj" fmla="val 4033"/>
            </a:avLst>
          </a:prstGeom>
          <a:solidFill>
            <a:srgbClr val="92D050">
              <a:alpha val="12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EA3DE4C7-7725-4D0C-B31E-17EE6CEFFBD2}"/>
              </a:ext>
            </a:extLst>
          </p:cNvPr>
          <p:cNvSpPr/>
          <p:nvPr/>
        </p:nvSpPr>
        <p:spPr>
          <a:xfrm>
            <a:off x="6597016" y="3855548"/>
            <a:ext cx="1496747" cy="1349808"/>
          </a:xfrm>
          <a:prstGeom prst="ellipse">
            <a:avLst/>
          </a:prstGeom>
          <a:solidFill>
            <a:schemeClr val="bg1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52" name="Picture 10" descr="BOB-12009 | SparkFun Electronics Bi-Directional Logic Voltage Level  Converter | Distrelec Export Shop">
            <a:extLst>
              <a:ext uri="{FF2B5EF4-FFF2-40B4-BE49-F238E27FC236}">
                <a16:creationId xmlns:a16="http://schemas.microsoft.com/office/drawing/2014/main" id="{B1FB8C1C-594D-4CB3-9101-C9A7DCDF8E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3756" y="3991831"/>
            <a:ext cx="2078273" cy="1098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57B1028-E067-4DA2-B170-735ED42EFF17}"/>
              </a:ext>
            </a:extLst>
          </p:cNvPr>
          <p:cNvCxnSpPr>
            <a:cxnSpLocks/>
          </p:cNvCxnSpPr>
          <p:nvPr/>
        </p:nvCxnSpPr>
        <p:spPr>
          <a:xfrm>
            <a:off x="7790999" y="4839725"/>
            <a:ext cx="0" cy="189102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EA09F61B-B80D-429A-87B6-820E44331F31}"/>
              </a:ext>
            </a:extLst>
          </p:cNvPr>
          <p:cNvCxnSpPr>
            <a:cxnSpLocks/>
          </p:cNvCxnSpPr>
          <p:nvPr/>
        </p:nvCxnSpPr>
        <p:spPr>
          <a:xfrm>
            <a:off x="7790999" y="4003160"/>
            <a:ext cx="0" cy="25425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A5555AF1-6826-443E-BC1C-7C94CE867475}"/>
              </a:ext>
            </a:extLst>
          </p:cNvPr>
          <p:cNvCxnSpPr>
            <a:cxnSpLocks/>
          </p:cNvCxnSpPr>
          <p:nvPr/>
        </p:nvCxnSpPr>
        <p:spPr>
          <a:xfrm>
            <a:off x="7621657" y="3950376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4A24C2FD-74F7-43EF-B49A-55575B5D31E6}"/>
              </a:ext>
            </a:extLst>
          </p:cNvPr>
          <p:cNvCxnSpPr>
            <a:cxnSpLocks/>
          </p:cNvCxnSpPr>
          <p:nvPr/>
        </p:nvCxnSpPr>
        <p:spPr>
          <a:xfrm>
            <a:off x="7632012" y="4834948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C18706D6-0FA3-4AFE-8B93-C0CB9D0EB809}"/>
              </a:ext>
            </a:extLst>
          </p:cNvPr>
          <p:cNvCxnSpPr>
            <a:cxnSpLocks/>
          </p:cNvCxnSpPr>
          <p:nvPr/>
        </p:nvCxnSpPr>
        <p:spPr>
          <a:xfrm>
            <a:off x="7445725" y="4852299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8CED37A0-B798-431B-AA9F-345F17ACE6CC}"/>
              </a:ext>
            </a:extLst>
          </p:cNvPr>
          <p:cNvCxnSpPr>
            <a:cxnSpLocks/>
          </p:cNvCxnSpPr>
          <p:nvPr/>
        </p:nvCxnSpPr>
        <p:spPr>
          <a:xfrm>
            <a:off x="7436809" y="3874915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D6ACAC73-4A13-45E6-B3E8-86470BE339CE}"/>
              </a:ext>
            </a:extLst>
          </p:cNvPr>
          <p:cNvCxnSpPr>
            <a:cxnSpLocks/>
          </p:cNvCxnSpPr>
          <p:nvPr/>
        </p:nvCxnSpPr>
        <p:spPr>
          <a:xfrm>
            <a:off x="7281943" y="4852298"/>
            <a:ext cx="0" cy="353058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F29382D-E36A-488E-B6B5-E401FD172952}"/>
              </a:ext>
            </a:extLst>
          </p:cNvPr>
          <p:cNvCxnSpPr>
            <a:cxnSpLocks/>
          </p:cNvCxnSpPr>
          <p:nvPr/>
        </p:nvCxnSpPr>
        <p:spPr>
          <a:xfrm>
            <a:off x="7281943" y="3874915"/>
            <a:ext cx="0" cy="353058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DC62BAE7-DACC-4341-8F34-25BBF97E27B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0" y="2704601"/>
            <a:ext cx="1250035" cy="1334619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67FE2D9-FA41-4409-AE42-5AC899FABD4D}"/>
              </a:ext>
            </a:extLst>
          </p:cNvPr>
          <p:cNvCxnSpPr>
            <a:cxnSpLocks/>
          </p:cNvCxnSpPr>
          <p:nvPr/>
        </p:nvCxnSpPr>
        <p:spPr>
          <a:xfrm>
            <a:off x="419158" y="3915956"/>
            <a:ext cx="0" cy="341454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DDD0D38-E0A9-47F6-A7A5-7D2EDC45C3E4}"/>
              </a:ext>
            </a:extLst>
          </p:cNvPr>
          <p:cNvCxnSpPr>
            <a:cxnSpLocks/>
          </p:cNvCxnSpPr>
          <p:nvPr/>
        </p:nvCxnSpPr>
        <p:spPr>
          <a:xfrm>
            <a:off x="419158" y="4246393"/>
            <a:ext cx="3126090" cy="0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BDA4F5C-CAB7-48ED-A9FF-5A2CC49BBF15}"/>
              </a:ext>
            </a:extLst>
          </p:cNvPr>
          <p:cNvCxnSpPr>
            <a:cxnSpLocks/>
          </p:cNvCxnSpPr>
          <p:nvPr/>
        </p:nvCxnSpPr>
        <p:spPr>
          <a:xfrm flipH="1">
            <a:off x="3545248" y="3608922"/>
            <a:ext cx="7121" cy="648488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011CD0A-5F6A-4D4F-9BA6-353E7A3E9D87}"/>
              </a:ext>
            </a:extLst>
          </p:cNvPr>
          <p:cNvCxnSpPr>
            <a:cxnSpLocks/>
          </p:cNvCxnSpPr>
          <p:nvPr/>
        </p:nvCxnSpPr>
        <p:spPr>
          <a:xfrm>
            <a:off x="497488" y="3904939"/>
            <a:ext cx="0" cy="169858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D438541C-FD2B-43AA-9B7A-0E8805B97C12}"/>
              </a:ext>
            </a:extLst>
          </p:cNvPr>
          <p:cNvCxnSpPr>
            <a:cxnSpLocks/>
          </p:cNvCxnSpPr>
          <p:nvPr/>
        </p:nvCxnSpPr>
        <p:spPr>
          <a:xfrm>
            <a:off x="497488" y="5587374"/>
            <a:ext cx="3503944" cy="1486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D820C3D-5DC6-4104-94A6-D784D0D3D152}"/>
              </a:ext>
            </a:extLst>
          </p:cNvPr>
          <p:cNvCxnSpPr>
            <a:cxnSpLocks/>
          </p:cNvCxnSpPr>
          <p:nvPr/>
        </p:nvCxnSpPr>
        <p:spPr>
          <a:xfrm>
            <a:off x="3991837" y="5233194"/>
            <a:ext cx="0" cy="384235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FA649F4-F10D-4E09-95B5-4B657E3244AC}"/>
              </a:ext>
            </a:extLst>
          </p:cNvPr>
          <p:cNvCxnSpPr>
            <a:cxnSpLocks/>
          </p:cNvCxnSpPr>
          <p:nvPr/>
        </p:nvCxnSpPr>
        <p:spPr>
          <a:xfrm>
            <a:off x="575642" y="3950376"/>
            <a:ext cx="6076" cy="1429824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20775BD-1DC4-4B9A-8EFC-2BAD3E9188CF}"/>
              </a:ext>
            </a:extLst>
          </p:cNvPr>
          <p:cNvCxnSpPr>
            <a:cxnSpLocks/>
          </p:cNvCxnSpPr>
          <p:nvPr/>
        </p:nvCxnSpPr>
        <p:spPr>
          <a:xfrm>
            <a:off x="581719" y="5370703"/>
            <a:ext cx="3355180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A60834A-A806-45F7-A255-9042AC2E16AD}"/>
              </a:ext>
            </a:extLst>
          </p:cNvPr>
          <p:cNvCxnSpPr>
            <a:cxnSpLocks/>
          </p:cNvCxnSpPr>
          <p:nvPr/>
        </p:nvCxnSpPr>
        <p:spPr>
          <a:xfrm>
            <a:off x="3934674" y="5276405"/>
            <a:ext cx="0" cy="10379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B3D7B498-2EFC-49B5-BC92-F200069FECE0}"/>
              </a:ext>
            </a:extLst>
          </p:cNvPr>
          <p:cNvSpPr txBox="1"/>
          <p:nvPr/>
        </p:nvSpPr>
        <p:spPr>
          <a:xfrm>
            <a:off x="2424085" y="5988285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1. Connection Scheme for a Bendlabs and MPX5100 pressure sensor for Arduino Uno</a:t>
            </a:r>
            <a:endParaRPr lang="da-DK" sz="900" b="1" dirty="0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36B988F-DDB4-5EE3-DBEA-299B720BDD45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63" name="Picture 62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CF96AFA1-D81D-0308-5B15-04953565CB56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26653" y1="60217" x2="46901" y2="49845"/>
                        <a14:backgroundMark x1="46901" y1="49845" x2="44421" y2="42260"/>
                        <a14:backgroundMark x1="49793" y1="43808" x2="51653" y2="52322"/>
                        <a14:backgroundMark x1="48347" y1="40402" x2="52066" y2="5139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17882516">
            <a:off x="8824842" y="1166916"/>
            <a:ext cx="2420981" cy="2263049"/>
          </a:xfrm>
          <a:prstGeom prst="rect">
            <a:avLst/>
          </a:prstGeom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04251C5B-B8B7-AE20-BBCA-0333AB57E7B2}"/>
              </a:ext>
            </a:extLst>
          </p:cNvPr>
          <p:cNvSpPr/>
          <p:nvPr/>
        </p:nvSpPr>
        <p:spPr>
          <a:xfrm>
            <a:off x="6182126" y="2170173"/>
            <a:ext cx="3011385" cy="1296023"/>
          </a:xfrm>
          <a:prstGeom prst="ellipse">
            <a:avLst/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rgbClr val="0070C0"/>
              </a:solidFill>
            </a:endParaRPr>
          </a:p>
        </p:txBody>
      </p:sp>
      <p:sp>
        <p:nvSpPr>
          <p:cNvPr id="3" name="Isosceles Triangle 2">
            <a:extLst>
              <a:ext uri="{FF2B5EF4-FFF2-40B4-BE49-F238E27FC236}">
                <a16:creationId xmlns:a16="http://schemas.microsoft.com/office/drawing/2014/main" id="{BE30E71A-8662-B586-8BF1-208BCE4B556B}"/>
              </a:ext>
            </a:extLst>
          </p:cNvPr>
          <p:cNvSpPr/>
          <p:nvPr/>
        </p:nvSpPr>
        <p:spPr>
          <a:xfrm rot="2291201">
            <a:off x="8894537" y="1875015"/>
            <a:ext cx="566392" cy="726643"/>
          </a:xfrm>
          <a:prstGeom prst="triangle">
            <a:avLst>
              <a:gd name="adj" fmla="val 9043"/>
            </a:avLst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30212-6BDC-5CFC-AEF2-650FF4E70C4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rot="5400000">
            <a:off x="6804654" y="343448"/>
            <a:ext cx="939168" cy="2817504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2352A0B4-BA16-A99E-B01E-FE2AF46DB4D3}"/>
              </a:ext>
            </a:extLst>
          </p:cNvPr>
          <p:cNvCxnSpPr>
            <a:cxnSpLocks/>
          </p:cNvCxnSpPr>
          <p:nvPr/>
        </p:nvCxnSpPr>
        <p:spPr>
          <a:xfrm>
            <a:off x="8656162" y="1720388"/>
            <a:ext cx="521571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07038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6D4FB7FB-E5F3-2C4B-2ADC-2F146B667E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924186" y="3301024"/>
            <a:ext cx="2613515" cy="3607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238D943-42A7-DF25-B7A8-2500C2A7D3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974" y="1278298"/>
            <a:ext cx="5811304" cy="2613516"/>
          </a:xfrm>
          <a:prstGeom prst="rect">
            <a:avLst/>
          </a:prstGeom>
        </p:spPr>
      </p:pic>
      <p:pic>
        <p:nvPicPr>
          <p:cNvPr id="10" name="Picture 4" descr="Se kildebilledet">
            <a:extLst>
              <a:ext uri="{FF2B5EF4-FFF2-40B4-BE49-F238E27FC236}">
                <a16:creationId xmlns:a16="http://schemas.microsoft.com/office/drawing/2014/main" id="{5BCC7EDC-4488-31CD-6E1D-215FE9D14B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32" y="3846786"/>
            <a:ext cx="2098193" cy="2098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0D13160-D734-96AD-E6EC-D7350DA55E9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16200000">
            <a:off x="2857362" y="4464596"/>
            <a:ext cx="400528" cy="462043"/>
          </a:xfrm>
          <a:prstGeom prst="rect">
            <a:avLst/>
          </a:prstGeom>
        </p:spPr>
      </p:pic>
      <p:pic>
        <p:nvPicPr>
          <p:cNvPr id="1030" name="Picture 6" descr="Se kildebilledet">
            <a:extLst>
              <a:ext uri="{FF2B5EF4-FFF2-40B4-BE49-F238E27FC236}">
                <a16:creationId xmlns:a16="http://schemas.microsoft.com/office/drawing/2014/main" id="{9323BB42-3D48-6625-7143-41E7103156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4" t="19954" r="9234" b="22207"/>
          <a:stretch/>
        </p:blipFill>
        <p:spPr bwMode="auto">
          <a:xfrm>
            <a:off x="546993" y="4326372"/>
            <a:ext cx="1165670" cy="8252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63191D30-C44D-D2F0-D875-F78FE913445E}"/>
              </a:ext>
            </a:extLst>
          </p:cNvPr>
          <p:cNvCxnSpPr/>
          <p:nvPr/>
        </p:nvCxnSpPr>
        <p:spPr>
          <a:xfrm flipH="1">
            <a:off x="2043211" y="4738978"/>
            <a:ext cx="643233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31" name="Picture 30">
            <a:extLst>
              <a:ext uri="{FF2B5EF4-FFF2-40B4-BE49-F238E27FC236}">
                <a16:creationId xmlns:a16="http://schemas.microsoft.com/office/drawing/2014/main" id="{1B43BBDE-88D2-8A6F-1DD7-ABFEF5EBFB96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2287" y="4127618"/>
            <a:ext cx="1222720" cy="1222720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61EC270F-886B-3235-D21A-AB2C4E5D9EA8}"/>
              </a:ext>
            </a:extLst>
          </p:cNvPr>
          <p:cNvSpPr txBox="1"/>
          <p:nvPr/>
        </p:nvSpPr>
        <p:spPr>
          <a:xfrm>
            <a:off x="10336530" y="53503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101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5E2D7F7-C187-2DAA-2E8E-1F554D83FA38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034520" y="1278880"/>
            <a:ext cx="4230768" cy="5035209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6AC8BFE3-CBC5-B06C-2B1C-9C1AB2F72117}"/>
              </a:ext>
            </a:extLst>
          </p:cNvPr>
          <p:cNvSpPr txBox="1"/>
          <p:nvPr/>
        </p:nvSpPr>
        <p:spPr>
          <a:xfrm>
            <a:off x="10336530" y="5581170"/>
            <a:ext cx="156109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hlinkClick r:id="rId11"/>
              </a:rPr>
              <a:t>GitHub Link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C0AC04-C09D-1BE4-4EA2-C46C5985A534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33" name="Picture 32" descr="Diagram&#10;&#10;Description automatically generated">
            <a:extLst>
              <a:ext uri="{FF2B5EF4-FFF2-40B4-BE49-F238E27FC236}">
                <a16:creationId xmlns:a16="http://schemas.microsoft.com/office/drawing/2014/main" id="{6A9AE994-41D0-49A1-83AD-4131EB13CFA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0051" y="1763273"/>
            <a:ext cx="5017988" cy="3150507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89ED20E3-0DF2-4334-8CA3-9FB95AFE63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252" y="4554000"/>
            <a:ext cx="3772523" cy="1052421"/>
          </a:xfrm>
          <a:prstGeom prst="rect">
            <a:avLst/>
          </a:prstGeom>
        </p:spPr>
      </p:pic>
      <p:sp>
        <p:nvSpPr>
          <p:cNvPr id="43" name="Rectangle 42">
            <a:extLst>
              <a:ext uri="{FF2B5EF4-FFF2-40B4-BE49-F238E27FC236}">
                <a16:creationId xmlns:a16="http://schemas.microsoft.com/office/drawing/2014/main" id="{A7D5BDCD-7AC3-454C-946A-A93FC2DA09C5}"/>
              </a:ext>
            </a:extLst>
          </p:cNvPr>
          <p:cNvSpPr/>
          <p:nvPr/>
        </p:nvSpPr>
        <p:spPr>
          <a:xfrm>
            <a:off x="2221435" y="4624609"/>
            <a:ext cx="1658532" cy="289171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804021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, Differential, Gauge, and Absolute, Integrated, Pressure Senso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909405" y="1644773"/>
            <a:ext cx="3837858" cy="2192960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88" name="TextBox 87">
            <a:extLst>
              <a:ext uri="{FF2B5EF4-FFF2-40B4-BE49-F238E27FC236}">
                <a16:creationId xmlns:a16="http://schemas.microsoft.com/office/drawing/2014/main" id="{ED9791AE-D2DA-45F5-9B67-C725E3597F21}"/>
              </a:ext>
            </a:extLst>
          </p:cNvPr>
          <p:cNvSpPr txBox="1"/>
          <p:nvPr/>
        </p:nvSpPr>
        <p:spPr>
          <a:xfrm>
            <a:off x="810548" y="4092039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MPX5100DP Pinout (top view), Pin functions, and mechanical and electrical specifications</a:t>
            </a:r>
            <a:endParaRPr lang="da-DK" sz="900" b="1" dirty="0"/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D6EEF6F1-BD1E-48FA-BEB8-EA749CABA6A9}"/>
              </a:ext>
            </a:extLst>
          </p:cNvPr>
          <p:cNvSpPr txBox="1"/>
          <p:nvPr/>
        </p:nvSpPr>
        <p:spPr>
          <a:xfrm>
            <a:off x="5930150" y="496619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2. MPX5100DP – Arduino connection diagram</a:t>
            </a:r>
            <a:endParaRPr lang="da-DK" sz="900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FCDEAFB-5C79-C325-FC01-99DD89AA7E24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9079" r="12037"/>
          <a:stretch/>
        </p:blipFill>
        <p:spPr>
          <a:xfrm>
            <a:off x="9425503" y="3043681"/>
            <a:ext cx="936962" cy="8181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FC329B-D4E5-AA54-5BB3-7DAF3E93C94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509984" y="3969583"/>
            <a:ext cx="768001" cy="996615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8499C372-82A5-DAF7-7DB2-D78100A71CF9}"/>
              </a:ext>
            </a:extLst>
          </p:cNvPr>
          <p:cNvCxnSpPr>
            <a:cxnSpLocks/>
          </p:cNvCxnSpPr>
          <p:nvPr/>
        </p:nvCxnSpPr>
        <p:spPr>
          <a:xfrm>
            <a:off x="8794981" y="4093054"/>
            <a:ext cx="630522" cy="2522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60B8A174-2023-064C-5792-FC492D87C0F8}"/>
              </a:ext>
            </a:extLst>
          </p:cNvPr>
          <p:cNvCxnSpPr>
            <a:cxnSpLocks/>
          </p:cNvCxnSpPr>
          <p:nvPr/>
        </p:nvCxnSpPr>
        <p:spPr>
          <a:xfrm flipV="1">
            <a:off x="8834668" y="3209341"/>
            <a:ext cx="523743" cy="12177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455860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libraries</a:t>
            </a:r>
          </a:p>
          <a:p>
            <a:r>
              <a:rPr lang="en-US" sz="1800" dirty="0"/>
              <a:t>Download ads Arduino driver at </a:t>
            </a:r>
            <a:r>
              <a:rPr lang="en-US" sz="1800" dirty="0">
                <a:hlinkClick r:id="rId2"/>
              </a:rPr>
              <a:t>GitHub Link </a:t>
            </a:r>
            <a:endParaRPr lang="en-US" sz="1800" dirty="0"/>
          </a:p>
          <a:p>
            <a:r>
              <a:rPr lang="en-US" sz="1800" dirty="0"/>
              <a:t>Copy folder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into </a:t>
            </a:r>
            <a:r>
              <a:rPr lang="en-US" sz="1800" b="1" i="1" dirty="0"/>
              <a:t>Arduino/Libraries </a:t>
            </a:r>
            <a:r>
              <a:rPr lang="en-US" sz="1800" dirty="0"/>
              <a:t>folder</a:t>
            </a:r>
          </a:p>
          <a:p>
            <a:r>
              <a:rPr lang="en-US" sz="1800" dirty="0"/>
              <a:t>Open the </a:t>
            </a:r>
            <a:r>
              <a:rPr lang="en-US" sz="1800" b="1" i="1" dirty="0" err="1"/>
              <a:t>ads.h</a:t>
            </a:r>
            <a:r>
              <a:rPr lang="en-US" sz="1800" i="1" dirty="0"/>
              <a:t> </a:t>
            </a:r>
            <a:r>
              <a:rPr lang="en-US" sz="1800" dirty="0"/>
              <a:t>file located at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folder</a:t>
            </a:r>
          </a:p>
          <a:p>
            <a:r>
              <a:rPr lang="en-US" sz="1800" dirty="0"/>
              <a:t>Change the command </a:t>
            </a:r>
            <a:r>
              <a:rPr lang="en-US" sz="1800" dirty="0">
                <a:solidFill>
                  <a:srgbClr val="789D4A"/>
                </a:solidFill>
              </a:rPr>
              <a:t>ADS_DFU_CHECK(1) </a:t>
            </a:r>
            <a:r>
              <a:rPr lang="en-US" sz="1800" dirty="0"/>
              <a:t>to </a:t>
            </a:r>
            <a:r>
              <a:rPr lang="en-US" sz="1800" dirty="0">
                <a:solidFill>
                  <a:schemeClr val="accent6">
                    <a:lumMod val="75000"/>
                  </a:schemeClr>
                </a:solidFill>
              </a:rPr>
              <a:t>ADS_DFU_CHECK(0) </a:t>
            </a:r>
            <a:r>
              <a:rPr lang="en-US" sz="1800" dirty="0"/>
              <a:t>   </a:t>
            </a:r>
          </a:p>
          <a:p>
            <a:r>
              <a:rPr lang="en-US" sz="1800" dirty="0"/>
              <a:t>Save the changes</a:t>
            </a:r>
          </a:p>
          <a:p>
            <a:r>
              <a:rPr lang="en-US" sz="1800" dirty="0"/>
              <a:t>Down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</a:t>
            </a:r>
            <a:r>
              <a:rPr lang="en-US" sz="1800" dirty="0">
                <a:hlinkClick r:id="rId3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</a:t>
            </a:r>
          </a:p>
          <a:p>
            <a:r>
              <a:rPr lang="en-US" sz="1800" dirty="0"/>
              <a:t>Compile and Up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Arduino Uno Device</a:t>
            </a:r>
          </a:p>
          <a:p>
            <a:r>
              <a:rPr lang="en-US" sz="1800" dirty="0"/>
              <a:t>Open the serial monitor</a:t>
            </a:r>
          </a:p>
          <a:p>
            <a:r>
              <a:rPr lang="en-US" sz="1800" dirty="0"/>
              <a:t>Put the Bendlabs sensor in the 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0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r>
              <a:rPr lang="en-US" sz="1800" dirty="0"/>
              <a:t>Put the Bendlabs sensor in the 9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9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3DA381-5EF2-1A68-3F15-4D3038AE5E3F}"/>
              </a:ext>
            </a:extLst>
          </p:cNvPr>
          <p:cNvSpPr txBox="1"/>
          <p:nvPr/>
        </p:nvSpPr>
        <p:spPr>
          <a:xfrm>
            <a:off x="9161471" y="563980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Tutorial_1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D76F656D-F5E6-0C2D-8C5D-30D449160EE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094207" y="1358825"/>
            <a:ext cx="1748790" cy="174879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FC85C4D-F3DB-C7BF-D021-15EC30C3B830}"/>
              </a:ext>
            </a:extLst>
          </p:cNvPr>
          <p:cNvSpPr txBox="1"/>
          <p:nvPr/>
        </p:nvSpPr>
        <p:spPr>
          <a:xfrm>
            <a:off x="9270781" y="31689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 err="1"/>
              <a:t>Ads_driver</a:t>
            </a:r>
            <a:r>
              <a:rPr lang="da-DK" sz="900" b="1" dirty="0"/>
              <a:t>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9C3F26D0-EEFA-C91B-2FBE-7826718CA2D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3729" y="3949350"/>
            <a:ext cx="1649268" cy="1649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672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F711817-ABA3-4E21-A111-1A9D38ACA3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318" y="2524125"/>
            <a:ext cx="11249025" cy="90487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F422F26-D615-4BE7-B24E-7EC4CE6505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3719143"/>
            <a:ext cx="7743825" cy="5524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BAFF134-7F41-4FD0-9EEC-A081A0E119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539318" y="4509900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29997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9228" y="1616771"/>
            <a:ext cx="6989445" cy="365909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D044C24-3C45-47FB-897D-5BA0F1417B45}"/>
              </a:ext>
            </a:extLst>
          </p:cNvPr>
          <p:cNvSpPr txBox="1"/>
          <p:nvPr/>
        </p:nvSpPr>
        <p:spPr>
          <a:xfrm>
            <a:off x="5661169" y="5251791"/>
            <a:ext cx="425712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Conductive Rubber Cord Sensor – Arduino connection diagram</a:t>
            </a:r>
            <a:endParaRPr lang="da-DK" sz="900" b="1" dirty="0"/>
          </a:p>
        </p:txBody>
      </p:sp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327" y="1890990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102" y="4734490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0560" y="1292712"/>
            <a:ext cx="1476375" cy="5524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A57C0D19-358B-4753-8DA4-9204CEA2F95F}">
  <ds:schemaRefs/>
</ds:datastoreItem>
</file>

<file path=customXml/itemProps10.xml><?xml version="1.0" encoding="utf-8"?>
<ds:datastoreItem xmlns:ds="http://schemas.openxmlformats.org/officeDocument/2006/customXml" ds:itemID="{923BA519-6502-4EA6-B0FB-C867A3D8FB98}">
  <ds:schemaRefs/>
</ds:datastoreItem>
</file>

<file path=customXml/itemProps11.xml><?xml version="1.0" encoding="utf-8"?>
<ds:datastoreItem xmlns:ds="http://schemas.openxmlformats.org/officeDocument/2006/customXml" ds:itemID="{C5CD5A01-6378-494D-B71B-D23DEC9A120C}">
  <ds:schemaRefs/>
</ds:datastoreItem>
</file>

<file path=customXml/itemProps12.xml><?xml version="1.0" encoding="utf-8"?>
<ds:datastoreItem xmlns:ds="http://schemas.openxmlformats.org/officeDocument/2006/customXml" ds:itemID="{A078B4FF-09BD-41CC-9B29-FE1B7D89E18C}">
  <ds:schemaRefs/>
</ds:datastoreItem>
</file>

<file path=customXml/itemProps13.xml><?xml version="1.0" encoding="utf-8"?>
<ds:datastoreItem xmlns:ds="http://schemas.openxmlformats.org/officeDocument/2006/customXml" ds:itemID="{C4661244-55D4-40CB-87F8-D12D6D1E5278}">
  <ds:schemaRefs/>
</ds:datastoreItem>
</file>

<file path=customXml/itemProps14.xml><?xml version="1.0" encoding="utf-8"?>
<ds:datastoreItem xmlns:ds="http://schemas.openxmlformats.org/officeDocument/2006/customXml" ds:itemID="{C83BBD83-B3C3-47BA-B125-6A2A1A31FA48}">
  <ds:schemaRefs/>
</ds:datastoreItem>
</file>

<file path=customXml/itemProps2.xml><?xml version="1.0" encoding="utf-8"?>
<ds:datastoreItem xmlns:ds="http://schemas.openxmlformats.org/officeDocument/2006/customXml" ds:itemID="{23A422EE-19EB-460A-8CC2-72292EB01E2F}">
  <ds:schemaRefs/>
</ds:datastoreItem>
</file>

<file path=customXml/itemProps3.xml><?xml version="1.0" encoding="utf-8"?>
<ds:datastoreItem xmlns:ds="http://schemas.openxmlformats.org/officeDocument/2006/customXml" ds:itemID="{80A386E5-FB57-411F-ACEC-E4C4608EF981}">
  <ds:schemaRefs/>
</ds:datastoreItem>
</file>

<file path=customXml/itemProps4.xml><?xml version="1.0" encoding="utf-8"?>
<ds:datastoreItem xmlns:ds="http://schemas.openxmlformats.org/officeDocument/2006/customXml" ds:itemID="{D4D35282-BEDA-429D-9192-ACF771B29A85}">
  <ds:schemaRefs/>
</ds:datastoreItem>
</file>

<file path=customXml/itemProps5.xml><?xml version="1.0" encoding="utf-8"?>
<ds:datastoreItem xmlns:ds="http://schemas.openxmlformats.org/officeDocument/2006/customXml" ds:itemID="{8CA70B28-CACC-45C6-8E39-ED02582859E9}">
  <ds:schemaRefs/>
</ds:datastoreItem>
</file>

<file path=customXml/itemProps6.xml><?xml version="1.0" encoding="utf-8"?>
<ds:datastoreItem xmlns:ds="http://schemas.openxmlformats.org/officeDocument/2006/customXml" ds:itemID="{C484C70F-0F64-4774-853F-19FDF7E1F81D}">
  <ds:schemaRefs/>
</ds:datastoreItem>
</file>

<file path=customXml/itemProps7.xml><?xml version="1.0" encoding="utf-8"?>
<ds:datastoreItem xmlns:ds="http://schemas.openxmlformats.org/officeDocument/2006/customXml" ds:itemID="{43723FED-A2E0-415E-8B28-139637BC092B}">
  <ds:schemaRefs/>
</ds:datastoreItem>
</file>

<file path=customXml/itemProps8.xml><?xml version="1.0" encoding="utf-8"?>
<ds:datastoreItem xmlns:ds="http://schemas.openxmlformats.org/officeDocument/2006/customXml" ds:itemID="{38B69043-C0D1-4478-8C3C-F54850531D8E}">
  <ds:schemaRefs/>
</ds:datastoreItem>
</file>

<file path=customXml/itemProps9.xml><?xml version="1.0" encoding="utf-8"?>
<ds:datastoreItem xmlns:ds="http://schemas.openxmlformats.org/officeDocument/2006/customXml" ds:itemID="{06CE3761-89D3-4A8E-8EB2-9214574F9FD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363</Words>
  <Application>Microsoft Office PowerPoint</Application>
  <PresentationFormat>Widescreen</PresentationFormat>
  <Paragraphs>91</Paragraphs>
  <Slides>1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8" baseType="lpstr">
      <vt:lpstr>Arial</vt:lpstr>
      <vt:lpstr>Wingdings</vt:lpstr>
      <vt:lpstr>Blank</vt:lpstr>
      <vt:lpstr>Introduction to Soft Robotics   Autumn 2022  Instructors: Ahmad Rafsanjani, Jonas Jørgensen</vt:lpstr>
      <vt:lpstr>Part 1: Arduino 101</vt:lpstr>
      <vt:lpstr>PowerPoint Presentation</vt:lpstr>
      <vt:lpstr>Part 2: MPX5100 Integrated Silicon Pressure Sensor</vt:lpstr>
      <vt:lpstr>PowerPoint Presentation</vt:lpstr>
      <vt:lpstr>Code Information</vt:lpstr>
      <vt:lpstr>Code Information</vt:lpstr>
      <vt:lpstr>Part 3: Conductive Rubber Cord Sensor </vt:lpstr>
      <vt:lpstr>PowerPoint Presentation</vt:lpstr>
      <vt:lpstr>Code Information</vt:lpstr>
      <vt:lpstr>Part 4: Bendlabs sensor</vt:lpstr>
      <vt:lpstr>PowerPoint Presentation</vt:lpstr>
      <vt:lpstr>Code Information</vt:lpstr>
      <vt:lpstr>Part 5: System integration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05T09:28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